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6-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6-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tex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D5CCF5A1-C3DA-8563-F672-629F04B6628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70353" y="5065487"/>
            <a:ext cx="2421863" cy="154030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chermopname&#10;&#10;Automatisch gegenereerde beschrijving">
            <a:extLst>
              <a:ext uri="{FF2B5EF4-FFF2-40B4-BE49-F238E27FC236}">
                <a16:creationId xmlns:a16="http://schemas.microsoft.com/office/drawing/2014/main" id="{C91AC773-3364-915D-848D-6CFD343D18A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58811" y="4072221"/>
            <a:ext cx="1701482" cy="108214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5-06T13:59:59Z</dcterms:modified>
</cp:coreProperties>
</file>